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6\2404\HP2404\"/>
    </mc:Choice>
  </mc:AlternateContent>
  <xr:revisionPtr revIDLastSave="0" documentId="8_{BE0474D1-0DC1-4097-81F4-757DF83EFBAA}" xr6:coauthVersionLast="47" xr6:coauthVersionMax="47" xr10:uidLastSave="{00000000-0000-0000-0000-000000000000}"/>
  <bookViews>
    <workbookView xWindow="-108" yWindow="-108" windowWidth="23256" windowHeight="12576" xr2:uid="{18B04F4B-630E-49CF-90A0-D1A01E12B473}"/>
  </bookViews>
  <sheets>
    <sheet name="jinko" sheetId="1" r:id="rId1"/>
  </sheets>
  <definedNames>
    <definedName name="_xlnm.Print_Area" localSheetId="0">jinko!$A$1:$AF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92" uniqueCount="34">
  <si>
    <t>富山市の人口</t>
  </si>
  <si>
    <t>住民基本台帳人口</t>
  </si>
  <si>
    <t>令和　　6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６年　　月別動態別人口）</t>
    <rPh sb="1" eb="3">
      <t>レイワ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  <si>
    <t>※転入県内人口には回復、転出取消等が含まれ、転入県外人口には前住所なし等が含まれる。</t>
    <rPh sb="1" eb="3">
      <t>テンニュウ</t>
    </rPh>
    <rPh sb="3" eb="5">
      <t>ケンナイ</t>
    </rPh>
    <rPh sb="5" eb="7">
      <t>ジンコウ</t>
    </rPh>
    <rPh sb="9" eb="11">
      <t>カイフク</t>
    </rPh>
    <rPh sb="12" eb="14">
      <t>テンシュツ</t>
    </rPh>
    <rPh sb="14" eb="16">
      <t>トリケシ</t>
    </rPh>
    <rPh sb="16" eb="17">
      <t>ナド</t>
    </rPh>
    <rPh sb="18" eb="19">
      <t>フク</t>
    </rPh>
    <rPh sb="22" eb="24">
      <t>テンニュウ</t>
    </rPh>
    <rPh sb="24" eb="28">
      <t>ケンガイジンコウ</t>
    </rPh>
    <rPh sb="30" eb="31">
      <t>マエ</t>
    </rPh>
    <rPh sb="31" eb="33">
      <t>ジュウショ</t>
    </rPh>
    <rPh sb="35" eb="36">
      <t>ナド</t>
    </rPh>
    <rPh sb="37" eb="38">
      <t>フク</t>
    </rPh>
    <phoneticPr fontId="6"/>
  </si>
  <si>
    <t>※転出県内人口には職権消除が含まれる。</t>
    <rPh sb="1" eb="3">
      <t>テンシュツ</t>
    </rPh>
    <rPh sb="3" eb="5">
      <t>ケンナイ</t>
    </rPh>
    <rPh sb="5" eb="7">
      <t>ジンコウ</t>
    </rPh>
    <rPh sb="9" eb="13">
      <t>ショッケンショウジョ</t>
    </rPh>
    <rPh sb="14" eb="15">
      <t>フク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5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</cellXfs>
  <cellStyles count="2">
    <cellStyle name="標準" xfId="0" builtinId="0"/>
    <cellStyle name="標準 2" xfId="1" xr:uid="{86361877-6A05-4AAA-853D-879ABBF95624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22771E6-14A3-4E66-9E1F-03A569A8FDDA}">
  <sheetPr>
    <pageSetUpPr fitToPage="1"/>
  </sheetPr>
  <dimension ref="A1:AF35"/>
  <sheetViews>
    <sheetView tabSelected="1" zoomScale="85" zoomScaleNormal="85" workbookViewId="0">
      <selection activeCell="M1" sqref="M1:W1"/>
    </sheetView>
  </sheetViews>
  <sheetFormatPr defaultColWidth="9" defaultRowHeight="13.2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16384" width="9" style="2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4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6067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05028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197660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07368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13</v>
      </c>
      <c r="C18" s="50">
        <v>97</v>
      </c>
      <c r="D18" s="51">
        <v>210</v>
      </c>
      <c r="E18" s="50">
        <v>323</v>
      </c>
      <c r="F18" s="50">
        <v>256</v>
      </c>
      <c r="G18" s="51">
        <v>579</v>
      </c>
      <c r="H18" s="51">
        <v>-369</v>
      </c>
      <c r="I18" s="50">
        <v>280</v>
      </c>
      <c r="J18" s="50">
        <v>101</v>
      </c>
      <c r="K18" s="50">
        <v>102</v>
      </c>
      <c r="L18" s="51">
        <v>203</v>
      </c>
      <c r="M18" s="50">
        <v>419</v>
      </c>
      <c r="N18" s="50">
        <v>350</v>
      </c>
      <c r="O18" s="50">
        <v>188</v>
      </c>
      <c r="P18" s="51">
        <v>538</v>
      </c>
      <c r="Q18" s="51">
        <v>741</v>
      </c>
      <c r="R18" s="50">
        <v>456</v>
      </c>
      <c r="S18" s="50">
        <v>122</v>
      </c>
      <c r="T18" s="50">
        <v>87</v>
      </c>
      <c r="U18" s="51">
        <v>209</v>
      </c>
      <c r="V18" s="50">
        <v>346</v>
      </c>
      <c r="W18" s="50">
        <v>331</v>
      </c>
      <c r="X18" s="50">
        <v>222</v>
      </c>
      <c r="Y18" s="51">
        <v>553</v>
      </c>
      <c r="Z18" s="51">
        <v>762</v>
      </c>
      <c r="AA18" s="51">
        <v>-21</v>
      </c>
      <c r="AB18" s="51">
        <v>-390</v>
      </c>
      <c r="AC18" s="52">
        <v>185195</v>
      </c>
      <c r="AD18" s="52">
        <v>198156</v>
      </c>
      <c r="AE18" s="52">
        <v>207937</v>
      </c>
      <c r="AF18" s="53">
        <v>406093</v>
      </c>
    </row>
    <row r="19" spans="1:32" ht="20.100000000000001" customHeight="1" x14ac:dyDescent="0.2">
      <c r="A19" s="54">
        <v>2</v>
      </c>
      <c r="B19" s="55">
        <v>75</v>
      </c>
      <c r="C19" s="55">
        <v>90</v>
      </c>
      <c r="D19" s="56">
        <v>165</v>
      </c>
      <c r="E19" s="55">
        <v>224</v>
      </c>
      <c r="F19" s="55">
        <v>218</v>
      </c>
      <c r="G19" s="56">
        <v>442</v>
      </c>
      <c r="H19" s="56">
        <v>-277</v>
      </c>
      <c r="I19" s="55">
        <v>325</v>
      </c>
      <c r="J19" s="55">
        <v>102</v>
      </c>
      <c r="K19" s="55">
        <v>109</v>
      </c>
      <c r="L19" s="56">
        <v>211</v>
      </c>
      <c r="M19" s="55">
        <v>448</v>
      </c>
      <c r="N19" s="55">
        <v>328</v>
      </c>
      <c r="O19" s="55">
        <v>262</v>
      </c>
      <c r="P19" s="56">
        <v>590</v>
      </c>
      <c r="Q19" s="56">
        <v>801</v>
      </c>
      <c r="R19" s="55">
        <v>382</v>
      </c>
      <c r="S19" s="55">
        <v>117</v>
      </c>
      <c r="T19" s="55">
        <v>120</v>
      </c>
      <c r="U19" s="56">
        <v>237</v>
      </c>
      <c r="V19" s="55">
        <v>322</v>
      </c>
      <c r="W19" s="55">
        <v>312</v>
      </c>
      <c r="X19" s="55">
        <v>215</v>
      </c>
      <c r="Y19" s="56">
        <v>527</v>
      </c>
      <c r="Z19" s="56">
        <v>764</v>
      </c>
      <c r="AA19" s="56">
        <v>37</v>
      </c>
      <c r="AB19" s="56">
        <v>-240</v>
      </c>
      <c r="AC19" s="57">
        <v>185264</v>
      </c>
      <c r="AD19" s="57">
        <v>198008</v>
      </c>
      <c r="AE19" s="57">
        <v>207845</v>
      </c>
      <c r="AF19" s="58">
        <v>405853</v>
      </c>
    </row>
    <row r="20" spans="1:32" ht="20.100000000000001" customHeight="1" x14ac:dyDescent="0.2">
      <c r="A20" s="54">
        <v>3</v>
      </c>
      <c r="B20" s="55">
        <v>75</v>
      </c>
      <c r="C20" s="55">
        <v>83</v>
      </c>
      <c r="D20" s="56">
        <v>158</v>
      </c>
      <c r="E20" s="55">
        <v>241</v>
      </c>
      <c r="F20" s="55">
        <v>241</v>
      </c>
      <c r="G20" s="56">
        <v>482</v>
      </c>
      <c r="H20" s="56">
        <v>-324</v>
      </c>
      <c r="I20" s="55">
        <v>585</v>
      </c>
      <c r="J20" s="55">
        <v>249</v>
      </c>
      <c r="K20" s="55">
        <v>259</v>
      </c>
      <c r="L20" s="56">
        <v>508</v>
      </c>
      <c r="M20" s="55">
        <v>1143</v>
      </c>
      <c r="N20" s="55">
        <v>982</v>
      </c>
      <c r="O20" s="55">
        <v>687</v>
      </c>
      <c r="P20" s="56">
        <v>1669</v>
      </c>
      <c r="Q20" s="56">
        <v>2177</v>
      </c>
      <c r="R20" s="55">
        <v>517</v>
      </c>
      <c r="S20" s="55">
        <v>257</v>
      </c>
      <c r="T20" s="55">
        <v>208</v>
      </c>
      <c r="U20" s="56">
        <v>465</v>
      </c>
      <c r="V20" s="55">
        <v>984</v>
      </c>
      <c r="W20" s="55">
        <v>1325</v>
      </c>
      <c r="X20" s="55">
        <v>1046</v>
      </c>
      <c r="Y20" s="56">
        <v>2371</v>
      </c>
      <c r="Z20" s="56">
        <v>2836</v>
      </c>
      <c r="AA20" s="56">
        <v>-659</v>
      </c>
      <c r="AB20" s="56">
        <v>-983</v>
      </c>
      <c r="AC20" s="57">
        <v>185491</v>
      </c>
      <c r="AD20" s="57">
        <v>197491</v>
      </c>
      <c r="AE20" s="57">
        <v>207379</v>
      </c>
      <c r="AF20" s="58">
        <v>404870</v>
      </c>
    </row>
    <row r="21" spans="1:32" ht="20.100000000000001" customHeight="1" x14ac:dyDescent="0.2">
      <c r="A21" s="54">
        <v>4</v>
      </c>
      <c r="B21" s="55">
        <v>89</v>
      </c>
      <c r="C21" s="55">
        <v>95</v>
      </c>
      <c r="D21" s="56">
        <v>184</v>
      </c>
      <c r="E21" s="55">
        <v>194</v>
      </c>
      <c r="F21" s="55">
        <v>241</v>
      </c>
      <c r="G21" s="56">
        <v>435</v>
      </c>
      <c r="H21" s="56">
        <v>-251</v>
      </c>
      <c r="I21" s="55">
        <v>511</v>
      </c>
      <c r="J21" s="55">
        <v>246</v>
      </c>
      <c r="K21" s="55">
        <v>188</v>
      </c>
      <c r="L21" s="56">
        <v>434</v>
      </c>
      <c r="M21" s="55">
        <v>1122</v>
      </c>
      <c r="N21" s="55">
        <v>907</v>
      </c>
      <c r="O21" s="55">
        <v>592</v>
      </c>
      <c r="P21" s="56">
        <v>1499</v>
      </c>
      <c r="Q21" s="56">
        <v>1933</v>
      </c>
      <c r="R21" s="55">
        <v>448</v>
      </c>
      <c r="S21" s="55">
        <v>179</v>
      </c>
      <c r="T21" s="55">
        <v>127</v>
      </c>
      <c r="U21" s="56">
        <v>306</v>
      </c>
      <c r="V21" s="55">
        <v>609</v>
      </c>
      <c r="W21" s="55">
        <v>700</v>
      </c>
      <c r="X21" s="55">
        <v>518</v>
      </c>
      <c r="Y21" s="56">
        <v>1218</v>
      </c>
      <c r="Z21" s="56">
        <v>1524</v>
      </c>
      <c r="AA21" s="56">
        <v>409</v>
      </c>
      <c r="AB21" s="56">
        <v>158</v>
      </c>
      <c r="AC21" s="57">
        <v>186067</v>
      </c>
      <c r="AD21" s="57">
        <v>197660</v>
      </c>
      <c r="AE21" s="57">
        <v>207368</v>
      </c>
      <c r="AF21" s="58">
        <v>405028</v>
      </c>
    </row>
    <row r="22" spans="1:32" ht="20.100000000000001" customHeight="1" x14ac:dyDescent="0.2">
      <c r="A22" s="54">
        <v>5</v>
      </c>
      <c r="B22" s="55"/>
      <c r="C22" s="55"/>
      <c r="D22" s="56">
        <v>0</v>
      </c>
      <c r="E22" s="55"/>
      <c r="F22" s="55"/>
      <c r="G22" s="56">
        <v>0</v>
      </c>
      <c r="H22" s="56">
        <v>0</v>
      </c>
      <c r="I22" s="55"/>
      <c r="J22" s="55"/>
      <c r="K22" s="55"/>
      <c r="L22" s="56">
        <v>0</v>
      </c>
      <c r="M22" s="55"/>
      <c r="N22" s="55"/>
      <c r="O22" s="55"/>
      <c r="P22" s="56">
        <v>0</v>
      </c>
      <c r="Q22" s="56">
        <v>0</v>
      </c>
      <c r="R22" s="55"/>
      <c r="S22" s="55"/>
      <c r="T22" s="55"/>
      <c r="U22" s="56">
        <v>0</v>
      </c>
      <c r="V22" s="55"/>
      <c r="W22" s="55"/>
      <c r="X22" s="55"/>
      <c r="Y22" s="56">
        <v>0</v>
      </c>
      <c r="Z22" s="56">
        <v>0</v>
      </c>
      <c r="AA22" s="56">
        <v>0</v>
      </c>
      <c r="AB22" s="56">
        <v>0</v>
      </c>
      <c r="AC22" s="57" t="s">
        <v>29</v>
      </c>
      <c r="AD22" s="57" t="s">
        <v>29</v>
      </c>
      <c r="AE22" s="57" t="s">
        <v>29</v>
      </c>
      <c r="AF22" s="58">
        <v>0</v>
      </c>
    </row>
    <row r="23" spans="1:32" s="64" customFormat="1" ht="20.100000000000001" customHeight="1" x14ac:dyDescent="0.2">
      <c r="A23" s="59">
        <v>6</v>
      </c>
      <c r="B23" s="60"/>
      <c r="C23" s="60"/>
      <c r="D23" s="61">
        <v>0</v>
      </c>
      <c r="E23" s="60"/>
      <c r="F23" s="60"/>
      <c r="G23" s="61">
        <v>0</v>
      </c>
      <c r="H23" s="61">
        <v>0</v>
      </c>
      <c r="I23" s="60"/>
      <c r="J23" s="60"/>
      <c r="K23" s="60"/>
      <c r="L23" s="61">
        <v>0</v>
      </c>
      <c r="M23" s="60"/>
      <c r="N23" s="60"/>
      <c r="O23" s="60"/>
      <c r="P23" s="61">
        <v>0</v>
      </c>
      <c r="Q23" s="61">
        <v>0</v>
      </c>
      <c r="R23" s="60"/>
      <c r="S23" s="60"/>
      <c r="T23" s="60"/>
      <c r="U23" s="61">
        <v>0</v>
      </c>
      <c r="V23" s="60"/>
      <c r="W23" s="60"/>
      <c r="X23" s="60"/>
      <c r="Y23" s="61">
        <v>0</v>
      </c>
      <c r="Z23" s="61">
        <v>0</v>
      </c>
      <c r="AA23" s="61">
        <v>0</v>
      </c>
      <c r="AB23" s="61">
        <v>0</v>
      </c>
      <c r="AC23" s="62" t="s">
        <v>29</v>
      </c>
      <c r="AD23" s="62" t="s">
        <v>29</v>
      </c>
      <c r="AE23" s="62" t="s">
        <v>29</v>
      </c>
      <c r="AF23" s="63">
        <v>0</v>
      </c>
    </row>
    <row r="24" spans="1:32" ht="20.100000000000001" customHeight="1" x14ac:dyDescent="0.2">
      <c r="A24" s="54">
        <v>7</v>
      </c>
      <c r="B24" s="55"/>
      <c r="C24" s="55"/>
      <c r="D24" s="56">
        <v>0</v>
      </c>
      <c r="E24" s="55"/>
      <c r="F24" s="55"/>
      <c r="G24" s="56">
        <v>0</v>
      </c>
      <c r="H24" s="56">
        <v>0</v>
      </c>
      <c r="I24" s="55"/>
      <c r="J24" s="55"/>
      <c r="K24" s="55"/>
      <c r="L24" s="56">
        <v>0</v>
      </c>
      <c r="M24" s="55"/>
      <c r="N24" s="55"/>
      <c r="O24" s="55"/>
      <c r="P24" s="56">
        <v>0</v>
      </c>
      <c r="Q24" s="56">
        <v>0</v>
      </c>
      <c r="R24" s="55"/>
      <c r="S24" s="55"/>
      <c r="T24" s="55"/>
      <c r="U24" s="56">
        <v>0</v>
      </c>
      <c r="V24" s="55"/>
      <c r="W24" s="55"/>
      <c r="X24" s="55"/>
      <c r="Y24" s="56">
        <v>0</v>
      </c>
      <c r="Z24" s="56">
        <v>0</v>
      </c>
      <c r="AA24" s="56">
        <v>0</v>
      </c>
      <c r="AB24" s="56">
        <v>0</v>
      </c>
      <c r="AC24" s="57" t="s">
        <v>29</v>
      </c>
      <c r="AD24" s="57" t="s">
        <v>29</v>
      </c>
      <c r="AE24" s="57" t="s">
        <v>29</v>
      </c>
      <c r="AF24" s="58">
        <v>0</v>
      </c>
    </row>
    <row r="25" spans="1:32" ht="20.100000000000001" customHeight="1" x14ac:dyDescent="0.2">
      <c r="A25" s="54">
        <v>8</v>
      </c>
      <c r="B25" s="55"/>
      <c r="C25" s="55"/>
      <c r="D25" s="56">
        <v>0</v>
      </c>
      <c r="E25" s="55"/>
      <c r="F25" s="55"/>
      <c r="G25" s="56">
        <v>0</v>
      </c>
      <c r="H25" s="56">
        <v>0</v>
      </c>
      <c r="I25" s="55"/>
      <c r="J25" s="55"/>
      <c r="K25" s="55"/>
      <c r="L25" s="56">
        <v>0</v>
      </c>
      <c r="M25" s="55"/>
      <c r="N25" s="55"/>
      <c r="O25" s="55"/>
      <c r="P25" s="56">
        <v>0</v>
      </c>
      <c r="Q25" s="56">
        <v>0</v>
      </c>
      <c r="R25" s="55"/>
      <c r="S25" s="55"/>
      <c r="T25" s="55"/>
      <c r="U25" s="56">
        <v>0</v>
      </c>
      <c r="V25" s="55"/>
      <c r="W25" s="55"/>
      <c r="X25" s="55"/>
      <c r="Y25" s="56">
        <v>0</v>
      </c>
      <c r="Z25" s="56">
        <v>0</v>
      </c>
      <c r="AA25" s="56">
        <v>0</v>
      </c>
      <c r="AB25" s="56">
        <v>0</v>
      </c>
      <c r="AC25" s="57" t="s">
        <v>29</v>
      </c>
      <c r="AD25" s="57" t="s">
        <v>29</v>
      </c>
      <c r="AE25" s="57" t="s">
        <v>29</v>
      </c>
      <c r="AF25" s="58">
        <v>0</v>
      </c>
    </row>
    <row r="26" spans="1:32" ht="20.100000000000001" customHeight="1" x14ac:dyDescent="0.2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 x14ac:dyDescent="0.2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66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8" t="s">
        <v>29</v>
      </c>
      <c r="AE29" s="68" t="s">
        <v>29</v>
      </c>
      <c r="AF29" s="69">
        <v>0</v>
      </c>
    </row>
    <row r="30" spans="1:32" ht="20.100000000000001" customHeight="1" x14ac:dyDescent="0.2">
      <c r="A30" s="45" t="s">
        <v>24</v>
      </c>
      <c r="B30" s="70">
        <v>352</v>
      </c>
      <c r="C30" s="70">
        <v>365</v>
      </c>
      <c r="D30" s="70">
        <v>717</v>
      </c>
      <c r="E30" s="70">
        <v>982</v>
      </c>
      <c r="F30" s="70">
        <v>956</v>
      </c>
      <c r="G30" s="70">
        <v>1938</v>
      </c>
      <c r="H30" s="70">
        <v>-1221</v>
      </c>
      <c r="I30" s="70">
        <v>1701</v>
      </c>
      <c r="J30" s="70">
        <v>698</v>
      </c>
      <c r="K30" s="70">
        <v>658</v>
      </c>
      <c r="L30" s="70">
        <v>1356</v>
      </c>
      <c r="M30" s="70">
        <v>3132</v>
      </c>
      <c r="N30" s="70">
        <v>2567</v>
      </c>
      <c r="O30" s="70">
        <v>1729</v>
      </c>
      <c r="P30" s="70">
        <v>4296</v>
      </c>
      <c r="Q30" s="70">
        <v>5652</v>
      </c>
      <c r="R30" s="70">
        <v>1803</v>
      </c>
      <c r="S30" s="70">
        <v>675</v>
      </c>
      <c r="T30" s="70">
        <v>542</v>
      </c>
      <c r="U30" s="70">
        <v>1217</v>
      </c>
      <c r="V30" s="70">
        <v>2261</v>
      </c>
      <c r="W30" s="70">
        <v>2668</v>
      </c>
      <c r="X30" s="70">
        <v>2001</v>
      </c>
      <c r="Y30" s="70">
        <v>4669</v>
      </c>
      <c r="Z30" s="70">
        <v>5886</v>
      </c>
      <c r="AA30" s="70">
        <v>-234</v>
      </c>
      <c r="AB30" s="70">
        <v>-1455</v>
      </c>
      <c r="AC30" s="71"/>
      <c r="AD30" s="71"/>
      <c r="AE30" s="71"/>
      <c r="AF30" s="72"/>
    </row>
    <row r="31" spans="1:32" x14ac:dyDescent="0.2"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3"/>
      <c r="AE31" s="73"/>
      <c r="AF31" s="73"/>
    </row>
    <row r="32" spans="1:32" x14ac:dyDescent="0.2">
      <c r="B32" s="74" t="s">
        <v>30</v>
      </c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AA32" s="73"/>
      <c r="AB32" s="73"/>
      <c r="AC32" s="73"/>
      <c r="AD32" s="73"/>
      <c r="AE32" s="73"/>
      <c r="AF32" s="73"/>
    </row>
    <row r="33" spans="2:2" x14ac:dyDescent="0.2">
      <c r="B33" s="74" t="s">
        <v>31</v>
      </c>
    </row>
    <row r="34" spans="2:2" x14ac:dyDescent="0.2">
      <c r="B34" s="74" t="s">
        <v>32</v>
      </c>
    </row>
    <row r="35" spans="2:2" x14ac:dyDescent="0.2">
      <c r="B35" s="74" t="s">
        <v>33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4-05-02T01:15:18Z</dcterms:created>
  <dcterms:modified xsi:type="dcterms:W3CDTF">2024-05-02T01:15:19Z</dcterms:modified>
</cp:coreProperties>
</file>